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115721\Documents\"/>
    </mc:Choice>
  </mc:AlternateContent>
  <xr:revisionPtr revIDLastSave="0" documentId="8_{322A362A-54C2-44AB-A9F0-8DE5BF3D8F3D}" xr6:coauthVersionLast="46" xr6:coauthVersionMax="46" xr10:uidLastSave="{00000000-0000-0000-0000-000000000000}"/>
  <bookViews>
    <workbookView xWindow="-110" yWindow="-110" windowWidth="19420" windowHeight="10420" xr2:uid="{17408CDE-B5B0-4991-895E-39884E0F44D5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58" uniqueCount="100">
  <si>
    <t xml:space="preserve">Authors </t>
  </si>
  <si>
    <t xml:space="preserve">Title </t>
  </si>
  <si>
    <t>Simon Caruana and Glen Farrugia</t>
  </si>
  <si>
    <t>Lessons learned from launching a course during the pandemic:  Innovation or Adaptation?</t>
  </si>
  <si>
    <t>Chanel Camilleri and Stephanie Mifsud</t>
  </si>
  <si>
    <t>Post pandemic education – a look at the mature student enrolment at ITS</t>
  </si>
  <si>
    <t>A Post-pandemic approach towards Quality Assurance in Higher Education. The way forward for Tourism and Hospitality Education.</t>
  </si>
  <si>
    <t xml:space="preserve">Education </t>
  </si>
  <si>
    <t>Kevin Ellul and Ronald Briffa</t>
  </si>
  <si>
    <t xml:space="preserve">Fiorentina Darmenia-Jochimsen, Fleur Griscti and Aaron Rizzo </t>
  </si>
  <si>
    <t>Current and Post Pandemic Hybrid Lecturing - Process, Challenges and Possibilities</t>
  </si>
  <si>
    <t>COVID-19 as a wake-up call in higher education: A review of literature through a SWOT analysis</t>
  </si>
  <si>
    <t>Bernard Micallef, Aldo Vella and Lucienne Vella</t>
  </si>
  <si>
    <t>Lucienne Vella</t>
  </si>
  <si>
    <t xml:space="preserve">Group Work Perceptions and Practices in Post-Secondary Hospitality Education: A Case Study at the Institute of Tourism Studies </t>
  </si>
  <si>
    <t xml:space="preserve">Martin Debattista, Charlotte Geronimi and David Pace Senior </t>
  </si>
  <si>
    <t>The impact of the Covid-19 pandemic on students’ learning at the Institute of Tourism Studies (Malta)</t>
  </si>
  <si>
    <t>Manuel Maier</t>
  </si>
  <si>
    <t>A framework to illustrate the potential demands of Industry 4.0 on higher academic education</t>
  </si>
  <si>
    <t>Locked down: performance gains and policy puzzles in the post-pandemic university.</t>
  </si>
  <si>
    <t>Paul Elmer</t>
  </si>
  <si>
    <t>Conservation education as a zoo mission – global perspective</t>
  </si>
  <si>
    <t>Barbara Mroz-Gorgon and Marta Zajac-Ossowska</t>
  </si>
  <si>
    <t>Post-pandemic challenges and recommendations: What is the future of Tourism Studies in Malta?</t>
  </si>
  <si>
    <t xml:space="preserve">Tourism </t>
  </si>
  <si>
    <t xml:space="preserve">Ruth Azzopardi </t>
  </si>
  <si>
    <t>Glen Farrugia and Artúr Lengyel</t>
  </si>
  <si>
    <t>Employee Experience in the European Privately Owned Destination Management Company Sector</t>
  </si>
  <si>
    <t>The future of travel? Understanding the factors that lead to acceptance or rejection of hyperloop technology</t>
  </si>
  <si>
    <t>Patrick Planing</t>
  </si>
  <si>
    <t>Jewish tourism in Portugal</t>
  </si>
  <si>
    <t>Vitor Ambrósio and João Cortez</t>
  </si>
  <si>
    <t>Dinesh Vallabh and Siyabonga Mxunyelwa</t>
  </si>
  <si>
    <t xml:space="preserve">Skills as a conundrum in entrepreneurship development of small to medium tourism enterprises (SMTEs) sector in East London, South Africa </t>
  </si>
  <si>
    <t xml:space="preserve">Hospitality </t>
  </si>
  <si>
    <t xml:space="preserve">Damien Peplow </t>
  </si>
  <si>
    <t>The Perspectives of Front-Line Hospitality Employees on Emotional Labour and Authenticity</t>
  </si>
  <si>
    <t>Claude Scicluna</t>
  </si>
  <si>
    <t>The Covid-19 Pandemic and its’ Impact
on the Meal Experience in Casual Dining Restaurants</t>
  </si>
  <si>
    <t>Neil Richardson</t>
  </si>
  <si>
    <t>How new sustainability typologies will reshape traditional approaches to loyalty</t>
  </si>
  <si>
    <t xml:space="preserve">Consumer Behaviour </t>
  </si>
  <si>
    <t>Edda Leonie Freyt and Hans Rüdiger Kaufmann</t>
  </si>
  <si>
    <t>I loved you yesterday‘ - Factors prompting a decrease in brand love</t>
  </si>
  <si>
    <t>The pandemic’s influence on consumer decision-making towards mHealth applications</t>
  </si>
  <si>
    <t>Maria Weege</t>
  </si>
  <si>
    <t>Subscription services boom, but so does churn – a macroanalysis on reasons why customer decide to leave and effective strategies to recover them</t>
  </si>
  <si>
    <t>Denis Muratčehajić</t>
  </si>
  <si>
    <t xml:space="preserve">The effect of branding on consumer purchasing behavior: a study of Cadbury Nigeria PLC. </t>
  </si>
  <si>
    <t>Adams Attarh Ibrahim</t>
  </si>
  <si>
    <t xml:space="preserve">Nikola Draskovic and Milivoj Markovic </t>
  </si>
  <si>
    <t xml:space="preserve">Technology and Innovation </t>
  </si>
  <si>
    <t>Will history repeat itself? The story of swiss watch making</t>
  </si>
  <si>
    <t>Barriers to implementing information communication technology (ICT) in managing Small to Medium Tourism Enterprises (SMTEs): the case of Hogsback, Eastern Cape, South Africa.</t>
  </si>
  <si>
    <t>Siyabonga Mxunyelwa</t>
  </si>
  <si>
    <t>Public Relation planning and open dialogue through social media in Tech Startups</t>
  </si>
  <si>
    <t>Mohit Virendra Khandelwal and Hans Rüdiger Kaufmann</t>
  </si>
  <si>
    <t xml:space="preserve">Marketing </t>
  </si>
  <si>
    <t>Implementation Of Internal Marketing As A Smart-Cost Strategy</t>
  </si>
  <si>
    <t>Atif Mahmood and Razaq Raj</t>
  </si>
  <si>
    <t>Pricing Models for the Software as a Service (SaaS)</t>
  </si>
  <si>
    <t xml:space="preserve">
Nadun Wijesiriwardana Samarasinghe and Hans Rüdiger Kaufmann</t>
  </si>
  <si>
    <t xml:space="preserve">Entrepreneurship </t>
  </si>
  <si>
    <t>Social entrepreneurship and Crowdfunding Model: From Social Entrepreneur Perspective</t>
  </si>
  <si>
    <t>Shranjani Shukla and Hans Rüdiger Kaufmann</t>
  </si>
  <si>
    <t>E-Commerce Channel Strategy: An International Comparative Survey</t>
  </si>
  <si>
    <t>Mitsunori Hirogaki</t>
  </si>
  <si>
    <t>Post-pandemic new solutions for fashion designers activity in the context of industry 4.0</t>
  </si>
  <si>
    <t>Madalena Pereira, Rui Miguel,Nuno Oliveira, José Morgado, João Oliveira, Manuel Pereira and Manuel Gonçalves</t>
  </si>
  <si>
    <t xml:space="preserve">Accounting and Finance </t>
  </si>
  <si>
    <t>Holistic investment appraisal approach based on the triple bottom line</t>
  </si>
  <si>
    <t>Bernd Britzelmaier and Sebastian Steindl</t>
  </si>
  <si>
    <t>Addressing real estate finance gaps in Nigeria using REIT (Real Estate Investment Trust) as a vehicle.</t>
  </si>
  <si>
    <t>Abiola I Olanrewaju</t>
  </si>
  <si>
    <t xml:space="preserve"> Tokenization and tokenoeconomics - education sector perspective</t>
  </si>
  <si>
    <t>Anna Andrych, Barbara Mróz-Gorgoń and Łukasz Pacek</t>
  </si>
  <si>
    <t xml:space="preserve">Human Resources </t>
  </si>
  <si>
    <t>The importance of recruitment processes in Maltese Accommodation Establishments during the Pre and Post Covid-19 Pandemic.</t>
  </si>
  <si>
    <t>Lorraine Farrugia</t>
  </si>
  <si>
    <t xml:space="preserve">Education 1 </t>
  </si>
  <si>
    <t xml:space="preserve">Education 2 and Hospitality </t>
  </si>
  <si>
    <t xml:space="preserve">Tourism and Entrepreneurship </t>
  </si>
  <si>
    <t xml:space="preserve">Dorothee Brauner </t>
  </si>
  <si>
    <t xml:space="preserve">What makes Students happy in times of the Pandemic?  </t>
  </si>
  <si>
    <t>A Criteria Framework for the Evaluation of Cloud-Based Machine Learning Services</t>
  </si>
  <si>
    <t xml:space="preserve">Malik Caycioglu and Dennis Schlegel
</t>
  </si>
  <si>
    <t xml:space="preserve">Fashion </t>
  </si>
  <si>
    <t xml:space="preserve">Consumer behaviour and Fashion </t>
  </si>
  <si>
    <t xml:space="preserve">Accounting, Finance and Human Resources </t>
  </si>
  <si>
    <t>Plenary A</t>
  </si>
  <si>
    <t>Plenary E</t>
  </si>
  <si>
    <t>Plenary C</t>
  </si>
  <si>
    <t>Plenary B</t>
  </si>
  <si>
    <t xml:space="preserve">Plenary Topic </t>
  </si>
  <si>
    <t>Plenary F</t>
  </si>
  <si>
    <t>Plenary D</t>
  </si>
  <si>
    <t xml:space="preserve">Marketing, Technology and Innovation  </t>
  </si>
  <si>
    <t>Financial literacy; a banking sector corporate social responsibility agenda in Nigeria.</t>
  </si>
  <si>
    <t>Joseph Albasu</t>
  </si>
  <si>
    <t xml:space="preserve">Research Field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>
    <font>
      <sz val="11"/>
      <color theme="1"/>
      <name val="Calibri"/>
      <family val="2"/>
      <scheme val="minor"/>
    </font>
    <font>
      <sz val="12"/>
      <color theme="1"/>
      <name val="Arial  "/>
    </font>
    <font>
      <sz val="8"/>
      <name val="Calibri"/>
      <family val="2"/>
      <scheme val="minor"/>
    </font>
    <font>
      <b/>
      <sz val="12"/>
      <color theme="1"/>
      <name val="Arial  "/>
    </font>
    <font>
      <sz val="12"/>
      <color rgb="FF000000"/>
      <name val="Arial  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9">
    <xf numFmtId="0" fontId="0" fillId="0" borderId="0" xfId="0"/>
    <xf numFmtId="0" fontId="1" fillId="0" borderId="0" xfId="0" applyFont="1" applyAlignment="1">
      <alignment horizontal="left"/>
    </xf>
    <xf numFmtId="0" fontId="1" fillId="0" borderId="0" xfId="0" applyFont="1"/>
    <xf numFmtId="0" fontId="3" fillId="0" borderId="0" xfId="0" applyFont="1"/>
    <xf numFmtId="0" fontId="3" fillId="0" borderId="0" xfId="0" applyFont="1" applyAlignment="1">
      <alignment horizontal="left"/>
    </xf>
    <xf numFmtId="0" fontId="1" fillId="0" borderId="0" xfId="0" applyFont="1" applyAlignment="1">
      <alignment horizontal="left" vertical="center"/>
    </xf>
    <xf numFmtId="0" fontId="1" fillId="0" borderId="0" xfId="0" applyFont="1" applyAlignment="1">
      <alignment horizontal="left" wrapText="1"/>
    </xf>
    <xf numFmtId="0" fontId="4" fillId="0" borderId="0" xfId="0" applyFont="1" applyAlignment="1">
      <alignment horizontal="left" vertical="center"/>
    </xf>
    <xf numFmtId="0" fontId="4" fillId="0" borderId="0" xfId="0" applyFont="1" applyAlignment="1">
      <alignment horizontal="left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0FCA1C7-9698-4ED0-BB14-678F4FD259D4}">
  <dimension ref="A1:E38"/>
  <sheetViews>
    <sheetView tabSelected="1" topLeftCell="A27" zoomScale="99" workbookViewId="0">
      <selection activeCell="D2" sqref="D2:D38"/>
    </sheetView>
  </sheetViews>
  <sheetFormatPr defaultRowHeight="15.5"/>
  <cols>
    <col min="1" max="1" width="10.54296875" style="2" bestFit="1" customWidth="1"/>
    <col min="2" max="2" width="50.36328125" style="2" customWidth="1"/>
    <col min="3" max="3" width="27" style="2" customWidth="1"/>
    <col min="4" max="4" width="56.7265625" style="1" bestFit="1" customWidth="1"/>
    <col min="5" max="5" width="183.90625" style="1" bestFit="1" customWidth="1"/>
    <col min="6" max="16384" width="8.7265625" style="2"/>
  </cols>
  <sheetData>
    <row r="1" spans="1:5" s="3" customFormat="1">
      <c r="B1" s="3" t="s">
        <v>93</v>
      </c>
      <c r="C1" s="3" t="s">
        <v>99</v>
      </c>
      <c r="D1" s="4" t="s">
        <v>0</v>
      </c>
      <c r="E1" s="4" t="s">
        <v>1</v>
      </c>
    </row>
    <row r="2" spans="1:5">
      <c r="A2" s="2" t="s">
        <v>89</v>
      </c>
      <c r="B2" s="2" t="s">
        <v>79</v>
      </c>
      <c r="C2" s="2" t="s">
        <v>7</v>
      </c>
      <c r="D2" s="1" t="s">
        <v>2</v>
      </c>
      <c r="E2" s="5" t="s">
        <v>3</v>
      </c>
    </row>
    <row r="3" spans="1:5">
      <c r="B3" s="2" t="s">
        <v>79</v>
      </c>
      <c r="C3" s="2" t="s">
        <v>7</v>
      </c>
      <c r="D3" s="6" t="s">
        <v>4</v>
      </c>
      <c r="E3" s="1" t="s">
        <v>5</v>
      </c>
    </row>
    <row r="4" spans="1:5">
      <c r="B4" s="2" t="s">
        <v>79</v>
      </c>
      <c r="C4" s="2" t="s">
        <v>7</v>
      </c>
      <c r="D4" s="1" t="s">
        <v>8</v>
      </c>
      <c r="E4" s="1" t="s">
        <v>6</v>
      </c>
    </row>
    <row r="5" spans="1:5">
      <c r="B5" s="2" t="s">
        <v>79</v>
      </c>
      <c r="C5" s="2" t="s">
        <v>7</v>
      </c>
      <c r="D5" s="1" t="s">
        <v>9</v>
      </c>
      <c r="E5" s="1" t="s">
        <v>10</v>
      </c>
    </row>
    <row r="6" spans="1:5">
      <c r="B6" s="2" t="s">
        <v>79</v>
      </c>
      <c r="C6" s="2" t="s">
        <v>7</v>
      </c>
      <c r="D6" s="1" t="s">
        <v>12</v>
      </c>
      <c r="E6" s="1" t="s">
        <v>11</v>
      </c>
    </row>
    <row r="7" spans="1:5">
      <c r="B7" s="2" t="s">
        <v>79</v>
      </c>
      <c r="C7" s="2" t="s">
        <v>7</v>
      </c>
      <c r="D7" s="1" t="s">
        <v>13</v>
      </c>
      <c r="E7" s="5" t="s">
        <v>14</v>
      </c>
    </row>
    <row r="8" spans="1:5">
      <c r="A8" s="2" t="s">
        <v>92</v>
      </c>
      <c r="B8" s="2" t="s">
        <v>80</v>
      </c>
      <c r="C8" s="2" t="s">
        <v>7</v>
      </c>
      <c r="D8" s="1" t="s">
        <v>15</v>
      </c>
      <c r="E8" s="1" t="s">
        <v>16</v>
      </c>
    </row>
    <row r="9" spans="1:5">
      <c r="B9" s="2" t="s">
        <v>80</v>
      </c>
      <c r="C9" s="2" t="s">
        <v>7</v>
      </c>
      <c r="D9" s="1" t="s">
        <v>82</v>
      </c>
      <c r="E9" s="5" t="s">
        <v>83</v>
      </c>
    </row>
    <row r="10" spans="1:5">
      <c r="B10" s="2" t="s">
        <v>80</v>
      </c>
      <c r="C10" s="2" t="s">
        <v>7</v>
      </c>
      <c r="D10" s="7" t="s">
        <v>17</v>
      </c>
      <c r="E10" s="1" t="s">
        <v>18</v>
      </c>
    </row>
    <row r="11" spans="1:5">
      <c r="B11" s="2" t="s">
        <v>80</v>
      </c>
      <c r="C11" s="2" t="s">
        <v>7</v>
      </c>
      <c r="D11" s="1" t="s">
        <v>20</v>
      </c>
      <c r="E11" s="1" t="s">
        <v>19</v>
      </c>
    </row>
    <row r="12" spans="1:5">
      <c r="B12" s="2" t="s">
        <v>80</v>
      </c>
      <c r="C12" s="2" t="s">
        <v>7</v>
      </c>
      <c r="D12" s="1" t="s">
        <v>22</v>
      </c>
      <c r="E12" s="1" t="s">
        <v>21</v>
      </c>
    </row>
    <row r="13" spans="1:5">
      <c r="B13" s="2" t="s">
        <v>80</v>
      </c>
      <c r="C13" s="2" t="s">
        <v>34</v>
      </c>
      <c r="D13" s="5" t="s">
        <v>35</v>
      </c>
      <c r="E13" s="5" t="s">
        <v>36</v>
      </c>
    </row>
    <row r="14" spans="1:5" ht="31">
      <c r="B14" s="2" t="s">
        <v>80</v>
      </c>
      <c r="C14" s="2" t="s">
        <v>34</v>
      </c>
      <c r="D14" s="5" t="s">
        <v>37</v>
      </c>
      <c r="E14" s="6" t="s">
        <v>38</v>
      </c>
    </row>
    <row r="15" spans="1:5">
      <c r="A15" s="2" t="s">
        <v>91</v>
      </c>
      <c r="B15" s="2" t="s">
        <v>81</v>
      </c>
      <c r="C15" s="2" t="s">
        <v>24</v>
      </c>
      <c r="D15" s="5" t="s">
        <v>25</v>
      </c>
      <c r="E15" s="5" t="s">
        <v>23</v>
      </c>
    </row>
    <row r="16" spans="1:5">
      <c r="B16" s="2" t="s">
        <v>81</v>
      </c>
      <c r="C16" s="2" t="s">
        <v>24</v>
      </c>
      <c r="D16" s="1" t="s">
        <v>26</v>
      </c>
      <c r="E16" s="1" t="s">
        <v>27</v>
      </c>
    </row>
    <row r="17" spans="1:5">
      <c r="B17" s="2" t="s">
        <v>81</v>
      </c>
      <c r="C17" s="2" t="s">
        <v>24</v>
      </c>
      <c r="D17" s="1" t="s">
        <v>29</v>
      </c>
      <c r="E17" s="1" t="s">
        <v>28</v>
      </c>
    </row>
    <row r="18" spans="1:5">
      <c r="B18" s="2" t="s">
        <v>81</v>
      </c>
      <c r="C18" s="2" t="s">
        <v>24</v>
      </c>
      <c r="D18" s="1" t="s">
        <v>31</v>
      </c>
      <c r="E18" s="1" t="s">
        <v>30</v>
      </c>
    </row>
    <row r="19" spans="1:5">
      <c r="B19" s="2" t="s">
        <v>81</v>
      </c>
      <c r="C19" s="2" t="s">
        <v>24</v>
      </c>
      <c r="D19" s="5" t="s">
        <v>32</v>
      </c>
      <c r="E19" s="1" t="s">
        <v>33</v>
      </c>
    </row>
    <row r="20" spans="1:5">
      <c r="B20" s="2" t="s">
        <v>81</v>
      </c>
      <c r="C20" s="2" t="s">
        <v>62</v>
      </c>
      <c r="D20" s="5" t="s">
        <v>64</v>
      </c>
      <c r="E20" s="5" t="s">
        <v>63</v>
      </c>
    </row>
    <row r="21" spans="1:5">
      <c r="A21" s="2" t="s">
        <v>95</v>
      </c>
      <c r="B21" s="2" t="s">
        <v>87</v>
      </c>
      <c r="C21" s="2" t="s">
        <v>41</v>
      </c>
      <c r="D21" s="5" t="s">
        <v>39</v>
      </c>
      <c r="E21" s="1" t="s">
        <v>40</v>
      </c>
    </row>
    <row r="22" spans="1:5">
      <c r="B22" s="2" t="s">
        <v>87</v>
      </c>
      <c r="C22" s="2" t="s">
        <v>41</v>
      </c>
      <c r="D22" s="1" t="s">
        <v>42</v>
      </c>
      <c r="E22" s="5" t="s">
        <v>43</v>
      </c>
    </row>
    <row r="23" spans="1:5">
      <c r="B23" s="2" t="s">
        <v>87</v>
      </c>
      <c r="C23" s="2" t="s">
        <v>41</v>
      </c>
      <c r="D23" s="5" t="s">
        <v>45</v>
      </c>
      <c r="E23" s="5" t="s">
        <v>44</v>
      </c>
    </row>
    <row r="24" spans="1:5">
      <c r="B24" s="2" t="s">
        <v>87</v>
      </c>
      <c r="C24" s="2" t="s">
        <v>41</v>
      </c>
      <c r="D24" s="5" t="s">
        <v>47</v>
      </c>
      <c r="E24" s="1" t="s">
        <v>46</v>
      </c>
    </row>
    <row r="25" spans="1:5">
      <c r="B25" s="2" t="s">
        <v>87</v>
      </c>
      <c r="C25" s="2" t="s">
        <v>41</v>
      </c>
      <c r="D25" s="1" t="s">
        <v>49</v>
      </c>
      <c r="E25" s="5" t="s">
        <v>48</v>
      </c>
    </row>
    <row r="26" spans="1:5" ht="46.5">
      <c r="B26" s="2" t="s">
        <v>87</v>
      </c>
      <c r="C26" s="2" t="s">
        <v>86</v>
      </c>
      <c r="D26" s="6" t="s">
        <v>68</v>
      </c>
      <c r="E26" s="1" t="s">
        <v>67</v>
      </c>
    </row>
    <row r="27" spans="1:5">
      <c r="A27" s="2" t="s">
        <v>90</v>
      </c>
      <c r="B27" s="2" t="s">
        <v>96</v>
      </c>
      <c r="C27" s="2" t="s">
        <v>51</v>
      </c>
      <c r="D27" s="1" t="s">
        <v>50</v>
      </c>
      <c r="E27" s="5" t="s">
        <v>52</v>
      </c>
    </row>
    <row r="28" spans="1:5">
      <c r="B28" s="2" t="s">
        <v>96</v>
      </c>
      <c r="C28" s="2" t="s">
        <v>51</v>
      </c>
      <c r="D28" s="1" t="s">
        <v>54</v>
      </c>
      <c r="E28" s="1" t="s">
        <v>53</v>
      </c>
    </row>
    <row r="29" spans="1:5" ht="31">
      <c r="B29" s="2" t="s">
        <v>96</v>
      </c>
      <c r="C29" s="2" t="s">
        <v>51</v>
      </c>
      <c r="D29" s="6" t="s">
        <v>85</v>
      </c>
      <c r="E29" s="8" t="s">
        <v>84</v>
      </c>
    </row>
    <row r="30" spans="1:5">
      <c r="B30" s="2" t="s">
        <v>96</v>
      </c>
      <c r="C30" s="2" t="s">
        <v>51</v>
      </c>
      <c r="D30" s="1" t="s">
        <v>66</v>
      </c>
      <c r="E30" s="1" t="s">
        <v>65</v>
      </c>
    </row>
    <row r="31" spans="1:5">
      <c r="B31" s="2" t="s">
        <v>96</v>
      </c>
      <c r="C31" s="2" t="s">
        <v>57</v>
      </c>
      <c r="D31" s="1" t="s">
        <v>56</v>
      </c>
      <c r="E31" s="1" t="s">
        <v>55</v>
      </c>
    </row>
    <row r="32" spans="1:5" ht="46.5">
      <c r="B32" s="2" t="s">
        <v>96</v>
      </c>
      <c r="C32" s="2" t="s">
        <v>57</v>
      </c>
      <c r="D32" s="6" t="s">
        <v>61</v>
      </c>
      <c r="E32" s="7" t="s">
        <v>60</v>
      </c>
    </row>
    <row r="33" spans="1:5">
      <c r="B33" s="2" t="s">
        <v>96</v>
      </c>
      <c r="C33" s="2" t="s">
        <v>57</v>
      </c>
      <c r="D33" s="1" t="s">
        <v>59</v>
      </c>
      <c r="E33" s="5" t="s">
        <v>58</v>
      </c>
    </row>
    <row r="34" spans="1:5" s="1" customFormat="1">
      <c r="A34" s="1" t="s">
        <v>94</v>
      </c>
      <c r="B34" s="1" t="s">
        <v>88</v>
      </c>
      <c r="C34" s="1" t="s">
        <v>69</v>
      </c>
      <c r="D34" s="5" t="s">
        <v>71</v>
      </c>
      <c r="E34" s="1" t="s">
        <v>70</v>
      </c>
    </row>
    <row r="35" spans="1:5">
      <c r="B35" s="1" t="s">
        <v>88</v>
      </c>
      <c r="C35" s="1" t="s">
        <v>69</v>
      </c>
      <c r="D35" s="1" t="s">
        <v>73</v>
      </c>
      <c r="E35" s="1" t="s">
        <v>72</v>
      </c>
    </row>
    <row r="36" spans="1:5">
      <c r="B36" s="1" t="s">
        <v>88</v>
      </c>
      <c r="C36" s="1" t="s">
        <v>69</v>
      </c>
      <c r="D36" s="1" t="s">
        <v>75</v>
      </c>
      <c r="E36" s="1" t="s">
        <v>74</v>
      </c>
    </row>
    <row r="37" spans="1:5">
      <c r="B37" s="1" t="s">
        <v>88</v>
      </c>
      <c r="C37" s="2" t="s">
        <v>76</v>
      </c>
      <c r="D37" s="1" t="s">
        <v>78</v>
      </c>
      <c r="E37" s="1" t="s">
        <v>77</v>
      </c>
    </row>
    <row r="38" spans="1:5">
      <c r="B38" s="1" t="s">
        <v>88</v>
      </c>
      <c r="C38" s="1" t="s">
        <v>69</v>
      </c>
      <c r="D38" s="1" t="s">
        <v>98</v>
      </c>
      <c r="E38" s="1" t="s">
        <v>97</v>
      </c>
    </row>
  </sheetData>
  <phoneticPr fontId="2" type="noConversion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University of Gloucestershir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EID, Louise (Dr)</dc:creator>
  <cp:lastModifiedBy>REID, Louise (Dr)</cp:lastModifiedBy>
  <dcterms:created xsi:type="dcterms:W3CDTF">2022-03-28T10:34:18Z</dcterms:created>
  <dcterms:modified xsi:type="dcterms:W3CDTF">2022-03-29T14:18:40Z</dcterms:modified>
</cp:coreProperties>
</file>